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</p:sldMasterIdLst>
  <p:notesMasterIdLst>
    <p:notesMasterId r:id="rId11"/>
  </p:notesMasterIdLst>
  <p:handoutMasterIdLst>
    <p:handoutMasterId r:id="rId12"/>
  </p:handoutMasterIdLst>
  <p:sldIdLst>
    <p:sldId id="256" r:id="rId2"/>
    <p:sldId id="257" r:id="rId3"/>
    <p:sldId id="258" r:id="rId4"/>
    <p:sldId id="259" r:id="rId5"/>
    <p:sldId id="261" r:id="rId6"/>
    <p:sldId id="263" r:id="rId7"/>
    <p:sldId id="260" r:id="rId8"/>
    <p:sldId id="262" r:id="rId9"/>
    <p:sldId id="264" r:id="rId10"/>
  </p:sldIdLst>
  <p:sldSz cx="12190413" cy="6859588"/>
  <p:notesSz cx="6858000" cy="9144000"/>
  <p:custDataLst>
    <p:tags r:id="rId13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0" autoAdjust="0"/>
    <p:restoredTop sz="90104" autoAdjust="0"/>
  </p:normalViewPr>
  <p:slideViewPr>
    <p:cSldViewPr snapToGrid="0">
      <p:cViewPr varScale="1">
        <p:scale>
          <a:sx n="65" d="100"/>
          <a:sy n="65" d="100"/>
        </p:scale>
        <p:origin x="144" y="121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gs" Target="tags/tag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xmlns="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31-01-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31/01/2019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LD_PresentationTitle">
            <a:extLst>
              <a:ext uri="{FF2B5EF4-FFF2-40B4-BE49-F238E27FC236}">
                <a16:creationId xmlns:a16="http://schemas.microsoft.com/office/drawing/2014/main" xmlns="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xmlns="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xmlns="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60EF090-7A44-4CFF-82AD-916F49C7ED80}" type="datetime1">
              <a:rPr lang="en-GB" smtClean="0"/>
              <a:t>31/01/2019</a:t>
            </a:fld>
            <a:endParaRPr lang="en-GB" dirty="0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xmlns="" id="{8CA71D2E-512F-4EB0-AAF9-E4FEBA858101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xmlns="" id="{8404ACBE-98F7-42FA-B2C4-2BDACC351B5F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6" name="Picture 15">
                <a:extLst>
                  <a:ext uri="{FF2B5EF4-FFF2-40B4-BE49-F238E27FC236}">
                    <a16:creationId xmlns:a16="http://schemas.microsoft.com/office/drawing/2014/main" xmlns="" id="{7674FC44-6BF9-46ED-9900-58E4FF05620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xmlns="" id="{D5F5BB9B-F1EC-45D9-9CB7-D11256272499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xmlns="" id="{8543A725-2ECD-475C-B8F2-4B95DD799F0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xmlns="" id="{5D058906-F75B-403B-B22D-B41549B240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4" name="Picture 23">
            <a:extLst>
              <a:ext uri="{FF2B5EF4-FFF2-40B4-BE49-F238E27FC236}">
                <a16:creationId xmlns:a16="http://schemas.microsoft.com/office/drawing/2014/main" xmlns="" id="{BB368B35-1A95-4DB8-9489-9493B9DFE5D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xmlns="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313612" y="1645032"/>
            <a:ext cx="4073525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C98ABC3-F51C-417F-825E-053E5C412EEE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8958262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xmlns="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1DE1D72-A178-4A5A-9F09-E65ED54CFD79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xmlns="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xmlns="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08F2B011-A72A-4EA5-B432-2258390509B4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xmlns="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xmlns="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FA097AB-D42F-4C6A-B942-F1043D9E00FA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xmlns="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0CC4E18-98DE-4019-ACD7-2778D4F7C453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xmlns="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xmlns="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xmlns="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xmlns="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xmlns="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xmlns="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xmlns="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xmlns="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xmlns="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xmlns="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xmlns="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C5E063D-27AB-4EB4-8929-083F74338FB0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xmlns="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xmlns="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xmlns="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xmlns="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xmlns="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xmlns="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xmlns="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xmlns="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159D0CF-65CA-4CDA-96A4-2AC50863A373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xmlns="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xmlns="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xmlns="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xmlns="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/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xmlns="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xmlns="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xmlns="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xmlns="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xmlns="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xmlns="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xmlns="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xmlns="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xmlns="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xmlns="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xmlns="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FF011B8-2E17-4691-A638-8C0DFE325A27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2543"/>
            <a:ext cx="4071936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xmlns="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xmlns="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xmlns="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A646FD8-BF7C-4816-8A65-0FD11D477F79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452543"/>
            <a:ext cx="2443162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xmlns="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xmlns="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E87779B-C882-4CBF-8E6B-7849FF1B02CE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xmlns="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xmlns="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xmlns="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xmlns="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xmlns="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A5F96DEB-D251-4ACD-A61B-A2EA524811DE}" type="datetime1">
              <a:rPr lang="en-GB" smtClean="0"/>
              <a:t>31/01/2019</a:t>
            </a:fld>
            <a:endParaRPr lang="x-none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xmlns="" id="{7BCB23DC-9A5C-4856-B9D3-C9BA6C166827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xmlns="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2E4543D-27CD-4A55-8E6D-6AB4F6A44F1F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xmlns="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xmlns="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xmlns="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xmlns="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1B26162-12AD-4CC3-9F53-8FA7B4712030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537029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612900" y="906698"/>
            <a:ext cx="3257550" cy="2158049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xmlns="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xmlns="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xmlns="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B681E1B-18F3-4249-A2D8-47389C26CB44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xmlns="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xmlns="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xmlns="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C2CCD66-A0C6-410A-9865-DF40A351692C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2543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xmlns="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xmlns="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xmlns="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2D645E6-CC9E-4D14-B48D-8FA09DADA9F1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xmlns="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xmlns="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93F912C-870F-476F-B8E0-734441E53BA9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xmlns="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xmlns="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xmlns="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56D6FFD-A06F-4915-8CD9-7FB679A73291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xmlns="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xmlns="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xmlns="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xmlns="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xmlns="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9C80535-7CBD-4E1D-8405-23AAE96A2C52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xmlns="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xmlns="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xmlns="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xmlns="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xmlns="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0A1DE4E-81BE-4691-9620-E83A391762C6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xmlns="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xmlns="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xmlns="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xmlns="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xmlns="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xmlns="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010FECA-C2D8-4DA5-88D6-82A58F41B5BB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xmlns="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xmlns="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xmlns="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xmlns="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xmlns="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xmlns="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xmlns="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96493AFC-2CA1-4E56-B66E-0255B67E27BE}" type="datetime1">
              <a:rPr lang="en-GB" smtClean="0"/>
              <a:t>31/01/2019</a:t>
            </a:fld>
            <a:endParaRPr lang="x-none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xmlns="" id="{CB71DD6B-2BD1-40F7-8209-3A56F244488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xmlns="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xmlns="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xmlns="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xmlns="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xmlns="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xmlns="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xmlns="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xmlns="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D8ED0A5-3289-409C-A994-5DD24058661E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xmlns="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xmlns="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xmlns="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xmlns="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xmlns="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xmlns="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xmlns="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xmlns="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xmlns="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xmlns="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xmlns="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xmlns="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xmlns="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950F49D-51E0-4DCA-972F-BB42ED2EE6A5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xmlns="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xmlns="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xmlns="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xmlns="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5CB6ABC8-8F52-409D-BBCC-C8D86C3EEB6A}" type="datetime1">
              <a:rPr lang="en-GB" smtClean="0"/>
              <a:t>31/01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xmlns="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xmlns="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xmlns="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xmlns="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D7D08280-A8DF-4CB7-972C-8CA08FFF5396}" type="datetime1">
              <a:rPr lang="en-GB" smtClean="0"/>
              <a:t>31/01/2019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xmlns="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xmlns="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33599A7-AC16-4B38-9685-2D70A19629CC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xmlns="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xmlns="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91FDD9A-0A2B-4DF3-A565-BE85079EFA85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xmlns="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xmlns="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0DAC9AB-39C0-4D60-B399-448C3773C4B5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xmlns="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6A52EC86-C7D2-4C87-ABCF-677091B95AC4}" type="datetime1">
              <a:rPr lang="en-GB" smtClean="0"/>
              <a:t>31/01/2019</a:t>
            </a:fld>
            <a:endParaRPr lang="en-GB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xmlns="" id="{FCCD3D23-05BF-4B57-8284-15FF6D12171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8459846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xmlns="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xmlns="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xmlns="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xmlns="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xmlns="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158E2400-57B8-4BB2-921C-2DEC805A17EC}" type="datetime1">
              <a:rPr lang="en-GB" smtClean="0"/>
              <a:t>31/01/2019</a:t>
            </a:fld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xmlns="" id="{649BD8C4-6612-438B-81F5-53DD9DF90E7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513" y="6159600"/>
            <a:ext cx="2826457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550DA34D-CD01-4059-B449-4DCD238F6AE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240"/>
            <a:ext cx="12190413" cy="6857108"/>
          </a:xfrm>
          <a:prstGeom prst="rect">
            <a:avLst/>
          </a:prstGeom>
        </p:spPr>
      </p:pic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xmlns="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D4A7E29A-8F65-4A4A-8ECE-2FE60A2423E1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xmlns="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xmlns="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xmlns="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xmlns="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0D5FD460-5B2C-4169-9A8C-C2A88E2F0621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xmlns="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xmlns="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xmlns="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9DFFA70B-1153-4505-9FE9-A1B7805A4777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xmlns="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xmlns="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xmlns="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all" baseline="0">
                <a:solidFill>
                  <a:schemeClr val="bg1"/>
                </a:solidFill>
              </a:defRPr>
            </a:lvl1pPr>
            <a:lvl2pPr marL="627063" indent="-265113">
              <a:defRPr sz="1400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xmlns="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xmlns="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xmlns="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D96388E7-4E07-410A-A29D-D0597028B8AD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xmlns="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 sz="120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xmlns="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4622383-79AA-4088-92CB-1EF6478584FD}" type="datetime1">
              <a:rPr lang="en-GB" smtClean="0"/>
              <a:t>31/01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xmlns="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645032"/>
            <a:ext cx="4887913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4F59A39-D52F-4898-A0EE-8427436E138B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xmlns="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684838" y="1645032"/>
            <a:ext cx="5702300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xmlns="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xmlns="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043301C-9573-4DCE-8FB5-8A83DF987A0E}" type="datetime1">
              <a:rPr lang="en-GB" smtClean="0"/>
              <a:t>31/01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image" Target="../media/image3.emf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xmlns="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9C1B29C-01FA-43D1-933F-23A0FEAB5CB5}" type="datetime1">
              <a:rPr lang="en-GB" smtClean="0"/>
              <a:t>31/01/2019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xmlns="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xmlns="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xmlns="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1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xmlns="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/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xmlns="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xmlns="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2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5" name="Picture 24">
            <a:extLst>
              <a:ext uri="{FF2B5EF4-FFF2-40B4-BE49-F238E27FC236}">
                <a16:creationId xmlns:a16="http://schemas.microsoft.com/office/drawing/2014/main" xmlns="" id="{038C835D-7A3F-4157-850A-1556A9D8479F}"/>
              </a:ext>
            </a:extLst>
          </p:cNvPr>
          <p:cNvPicPr>
            <a:picLocks noChangeAspect="1"/>
          </p:cNvPicPr>
          <p:nvPr userDrawn="1"/>
        </p:nvPicPr>
        <p:blipFill>
          <a:blip r:embed="rId43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xmlns="" id="{6515BF35-693E-4749-821E-5148CED147C8}"/>
              </a:ext>
            </a:extLst>
          </p:cNvPr>
          <p:cNvSpPr/>
          <p:nvPr userDrawn="1"/>
        </p:nvSpPr>
        <p:spPr>
          <a:xfrm>
            <a:off x="2051824" y="6142932"/>
            <a:ext cx="1573147" cy="27226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99" r:id="rId37"/>
    <p:sldLayoutId id="2147483790" r:id="rId38"/>
    <p:sldLayoutId id="2147483767" r:id="rId39"/>
  </p:sldLayoutIdLst>
  <p:hf hdr="0" ft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9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>
            <a:extLst>
              <a:ext uri="{FF2B5EF4-FFF2-40B4-BE49-F238E27FC236}">
                <a16:creationId xmlns:a16="http://schemas.microsoft.com/office/drawing/2014/main" xmlns="" id="{762559F4-64D2-4777-B4A2-5B4FAFFDC7D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634" y="428619"/>
            <a:ext cx="11847442" cy="523881"/>
          </a:xfrm>
        </p:spPr>
        <p:txBody>
          <a:bodyPr/>
          <a:lstStyle/>
          <a:p>
            <a:r>
              <a:rPr lang="en-GB" sz="2400" spc="-50" dirty="0">
                <a:solidFill>
                  <a:schemeClr val="tx2"/>
                </a:solidFill>
                <a:latin typeface="Verdana"/>
              </a:rPr>
              <a:t>PGM Boundary conditions</a:t>
            </a:r>
          </a:p>
        </p:txBody>
      </p:sp>
      <p:sp>
        <p:nvSpPr>
          <p:cNvPr id="4" name="FLD_PresentationSubtitle">
            <a:extLst>
              <a:ext uri="{FF2B5EF4-FFF2-40B4-BE49-F238E27FC236}">
                <a16:creationId xmlns:a16="http://schemas.microsoft.com/office/drawing/2014/main" xmlns="" id="{AE283122-DAAA-4E85-87A4-5FF46F4B8AC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44234" y="1110320"/>
            <a:ext cx="8136879" cy="1084262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Lateral concentrations at the boundary of 36km domain (36US) in the 2014 modeling platform are downscaled from 2014 GEOS-Chem global mode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GB" dirty="0"/>
              <a:t>GEOS-chem model provided for 2014 has these features</a:t>
            </a:r>
          </a:p>
          <a:p>
            <a:pPr marL="933750" lvl="1" indent="-285750">
              <a:buFont typeface="Arial" panose="020B0604020202020204" pitchFamily="34" charset="0"/>
              <a:buChar char="•"/>
            </a:pPr>
            <a:r>
              <a:rPr lang="en-GB" dirty="0"/>
              <a:t>Model version: v11-01</a:t>
            </a:r>
          </a:p>
          <a:p>
            <a:pPr marL="933750" lvl="1" indent="-285750">
              <a:buFont typeface="Arial" panose="020B0604020202020204" pitchFamily="34" charset="0"/>
              <a:buChar char="•"/>
            </a:pPr>
            <a:r>
              <a:rPr lang="en-US" dirty="0"/>
              <a:t>Spatial Resolution:  horizontal  –  4x5 degree, vertical – 47 layers</a:t>
            </a:r>
          </a:p>
          <a:p>
            <a:pPr marL="933750" lvl="1" indent="-285750">
              <a:buFont typeface="Arial" panose="020B0604020202020204" pitchFamily="34" charset="0"/>
              <a:buChar char="•"/>
            </a:pPr>
            <a:r>
              <a:rPr lang="en-US" dirty="0"/>
              <a:t>Temporal Resolution: 3-hourly, Spatial Coverage: (-147.5, 8) to (-52.5, 64)</a:t>
            </a:r>
          </a:p>
          <a:p>
            <a:pPr marL="933750" lvl="1" indent="-285750">
              <a:buFont typeface="Arial" panose="020B0604020202020204" pitchFamily="34" charset="0"/>
              <a:buChar char="•"/>
            </a:pPr>
            <a:r>
              <a:rPr lang="en-US" dirty="0"/>
              <a:t>Chemistry/Aerosol Options: SOA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CMAQ boundaries obtained with geos2cmaq too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 err="1"/>
              <a:t>CAMx</a:t>
            </a:r>
            <a:r>
              <a:rPr lang="en-US" dirty="0"/>
              <a:t> boundaries obtained with geos2camx tool </a:t>
            </a:r>
          </a:p>
        </p:txBody>
      </p:sp>
      <p:pic>
        <p:nvPicPr>
          <p:cNvPr id="1026" name="Picture 2" descr="Machine generated alternative text:&#10;12WU &#10;12US &#10;36US &#10;RAMB LL ">
            <a:extLst>
              <a:ext uri="{FF2B5EF4-FFF2-40B4-BE49-F238E27FC236}">
                <a16:creationId xmlns:a16="http://schemas.microsoft.com/office/drawing/2014/main" xmlns="" id="{FB82492B-5871-4C98-854E-CEF0902F89C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795" t="6943" r="13447" b="50001"/>
          <a:stretch/>
        </p:blipFill>
        <p:spPr bwMode="auto">
          <a:xfrm>
            <a:off x="6095206" y="3429794"/>
            <a:ext cx="3803650" cy="295354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79256662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ITIAL extraction of GEOS-Chem concentration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xmlns="" id="{B19D4FB5-595A-4815-A8F0-41BB043C87F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8662" y="876683"/>
            <a:ext cx="10588625" cy="602867"/>
          </a:xfrm>
        </p:spPr>
        <p:txBody>
          <a:bodyPr/>
          <a:lstStyle/>
          <a:p>
            <a:r>
              <a:rPr lang="en-GB" dirty="0"/>
              <a:t>Ozone concentrations for January, April, August at upper layers show values over 2 ppm</a:t>
            </a:r>
          </a:p>
        </p:txBody>
      </p:sp>
      <p:sp>
        <p:nvSpPr>
          <p:cNvPr id="7" name="Content Placeholder 5">
            <a:extLst>
              <a:ext uri="{FF2B5EF4-FFF2-40B4-BE49-F238E27FC236}">
                <a16:creationId xmlns:a16="http://schemas.microsoft.com/office/drawing/2014/main" xmlns="" id="{E06D3C54-B0D4-4AA4-8EE8-2A96F89B9A70}"/>
              </a:ext>
            </a:extLst>
          </p:cNvPr>
          <p:cNvSpPr txBox="1">
            <a:spLocks/>
          </p:cNvSpPr>
          <p:nvPr/>
        </p:nvSpPr>
        <p:spPr bwMode="auto">
          <a:xfrm>
            <a:off x="728661" y="5175335"/>
            <a:ext cx="10588625" cy="60286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252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4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10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0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dirty="0"/>
              <a:t>Performed 36km inert tracer runs to investigate the BCON influence on surface concentrations for  selected species: O3, dust (CCRS, FCRS), SO2, PSO4, sea salt (NA, </a:t>
            </a:r>
            <a:r>
              <a:rPr lang="en-GB" dirty="0" err="1"/>
              <a:t>PCl</a:t>
            </a:r>
            <a:r>
              <a:rPr lang="en-GB" dirty="0"/>
              <a:t>) </a:t>
            </a:r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xmlns="" id="{37CD68D8-E09A-4033-A19B-846BD9117FA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74051984"/>
              </p:ext>
            </p:extLst>
          </p:nvPr>
        </p:nvGraphicFramePr>
        <p:xfrm>
          <a:off x="1523735" y="1620565"/>
          <a:ext cx="8126943" cy="31499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08981">
                  <a:extLst>
                    <a:ext uri="{9D8B030D-6E8A-4147-A177-3AD203B41FA5}">
                      <a16:colId xmlns:a16="http://schemas.microsoft.com/office/drawing/2014/main" xmlns="" val="1212969290"/>
                    </a:ext>
                  </a:extLst>
                </a:gridCol>
                <a:gridCol w="2708981">
                  <a:extLst>
                    <a:ext uri="{9D8B030D-6E8A-4147-A177-3AD203B41FA5}">
                      <a16:colId xmlns:a16="http://schemas.microsoft.com/office/drawing/2014/main" xmlns="" val="1281580720"/>
                    </a:ext>
                  </a:extLst>
                </a:gridCol>
                <a:gridCol w="2708981">
                  <a:extLst>
                    <a:ext uri="{9D8B030D-6E8A-4147-A177-3AD203B41FA5}">
                      <a16:colId xmlns:a16="http://schemas.microsoft.com/office/drawing/2014/main" xmlns="" val="3135570704"/>
                    </a:ext>
                  </a:extLst>
                </a:gridCol>
              </a:tblGrid>
              <a:tr h="469549">
                <a:tc>
                  <a:txBody>
                    <a:bodyPr/>
                    <a:lstStyle/>
                    <a:p>
                      <a:pPr algn="ctr"/>
                      <a:r>
                        <a:rPr lang="en-GB" dirty="0"/>
                        <a:t>Januar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/>
                        <a:t>Apri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/>
                        <a:t>August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154384888"/>
                  </a:ext>
                </a:extLst>
              </a:tr>
              <a:tr h="2680360"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900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237503150"/>
                  </a:ext>
                </a:extLst>
              </a:tr>
            </a:tbl>
          </a:graphicData>
        </a:graphic>
      </p:graphicFrame>
      <p:pic>
        <p:nvPicPr>
          <p:cNvPr id="9" name="Picture 8">
            <a:extLst>
              <a:ext uri="{FF2B5EF4-FFF2-40B4-BE49-F238E27FC236}">
                <a16:creationId xmlns:a16="http://schemas.microsoft.com/office/drawing/2014/main" xmlns="" id="{4463E3C7-D7D8-41E1-9A4E-833F8C9E752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3296" r="7136"/>
          <a:stretch/>
        </p:blipFill>
        <p:spPr>
          <a:xfrm>
            <a:off x="1670814" y="2176307"/>
            <a:ext cx="2394806" cy="2493833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xmlns="" id="{2DBACF6B-C4FF-44A2-81AC-36538723142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3350" r="7597"/>
          <a:stretch/>
        </p:blipFill>
        <p:spPr>
          <a:xfrm>
            <a:off x="4395747" y="2177003"/>
            <a:ext cx="2382917" cy="2492440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xmlns="" id="{5A30142C-7445-41B6-A361-0386ECD44A76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3185" r="6772"/>
          <a:stretch/>
        </p:blipFill>
        <p:spPr>
          <a:xfrm>
            <a:off x="7087527" y="2174876"/>
            <a:ext cx="2404193" cy="2496695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E58214AB-F4E3-44EE-9EAF-F1D6998D788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2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3702198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itial Inert Tracer simulation result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xmlns="" id="{B19D4FB5-595A-4815-A8F0-41BB043C87F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8662" y="876683"/>
            <a:ext cx="10860826" cy="602867"/>
          </a:xfrm>
        </p:spPr>
        <p:txBody>
          <a:bodyPr/>
          <a:lstStyle/>
          <a:p>
            <a:r>
              <a:rPr lang="en-GB" dirty="0"/>
              <a:t>MDA for ozone and daily max concentrations were estimated for sulfate, SO2, dust and sea salt</a:t>
            </a:r>
          </a:p>
        </p:txBody>
      </p:sp>
      <p:graphicFrame>
        <p:nvGraphicFramePr>
          <p:cNvPr id="8" name="Table 7">
            <a:extLst>
              <a:ext uri="{FF2B5EF4-FFF2-40B4-BE49-F238E27FC236}">
                <a16:creationId xmlns:a16="http://schemas.microsoft.com/office/drawing/2014/main" xmlns="" id="{37CD68D8-E09A-4033-A19B-846BD9117FA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08247891"/>
              </p:ext>
            </p:extLst>
          </p:nvPr>
        </p:nvGraphicFramePr>
        <p:xfrm>
          <a:off x="109057" y="1202400"/>
          <a:ext cx="11987868" cy="3149909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996967">
                  <a:extLst>
                    <a:ext uri="{9D8B030D-6E8A-4147-A177-3AD203B41FA5}">
                      <a16:colId xmlns:a16="http://schemas.microsoft.com/office/drawing/2014/main" xmlns="" val="1212969290"/>
                    </a:ext>
                  </a:extLst>
                </a:gridCol>
                <a:gridCol w="2996967">
                  <a:extLst>
                    <a:ext uri="{9D8B030D-6E8A-4147-A177-3AD203B41FA5}">
                      <a16:colId xmlns:a16="http://schemas.microsoft.com/office/drawing/2014/main" xmlns="" val="1281580720"/>
                    </a:ext>
                  </a:extLst>
                </a:gridCol>
                <a:gridCol w="2996967">
                  <a:extLst>
                    <a:ext uri="{9D8B030D-6E8A-4147-A177-3AD203B41FA5}">
                      <a16:colId xmlns:a16="http://schemas.microsoft.com/office/drawing/2014/main" xmlns="" val="3135570704"/>
                    </a:ext>
                  </a:extLst>
                </a:gridCol>
                <a:gridCol w="2996967">
                  <a:extLst>
                    <a:ext uri="{9D8B030D-6E8A-4147-A177-3AD203B41FA5}">
                      <a16:colId xmlns:a16="http://schemas.microsoft.com/office/drawing/2014/main" xmlns="" val="682977900"/>
                    </a:ext>
                  </a:extLst>
                </a:gridCol>
              </a:tblGrid>
              <a:tr h="469549">
                <a:tc>
                  <a:txBody>
                    <a:bodyPr/>
                    <a:lstStyle/>
                    <a:p>
                      <a:pPr algn="ctr"/>
                      <a:r>
                        <a:rPr lang="en-GB" dirty="0"/>
                        <a:t>Ozone  - Jun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/>
                        <a:t>PSO4 – Jun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/>
                        <a:t>SO2 - Jun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dirty="0"/>
                        <a:t>CCRS - Ma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154384888"/>
                  </a:ext>
                </a:extLst>
              </a:tr>
              <a:tr h="2680360"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900" kern="1200" dirty="0">
                        <a:solidFill>
                          <a:schemeClr val="dk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237503150"/>
                  </a:ext>
                </a:extLst>
              </a:tr>
            </a:tbl>
          </a:graphicData>
        </a:graphic>
      </p:graphicFrame>
      <p:pic>
        <p:nvPicPr>
          <p:cNvPr id="4" name="Picture 3">
            <a:extLst>
              <a:ext uri="{FF2B5EF4-FFF2-40B4-BE49-F238E27FC236}">
                <a16:creationId xmlns:a16="http://schemas.microsoft.com/office/drawing/2014/main" xmlns="" id="{4487582F-F1BD-403E-9AFE-D6067AC97E8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5591" y="1820560"/>
            <a:ext cx="2783205" cy="2377440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xmlns="" id="{FE9FA0D5-65A8-4916-B1C6-A98FA80A2228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21340" y="1819131"/>
            <a:ext cx="2777490" cy="2380298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xmlns="" id="{82FA9365-B8E0-46EF-9CA6-DCAF9DCAAAF6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214286" y="1820560"/>
            <a:ext cx="2777490" cy="2377440"/>
          </a:xfrm>
          <a:prstGeom prst="rect">
            <a:avLst/>
          </a:prstGeom>
        </p:spPr>
      </p:pic>
      <p:pic>
        <p:nvPicPr>
          <p:cNvPr id="16" name="Picture 15">
            <a:extLst>
              <a:ext uri="{FF2B5EF4-FFF2-40B4-BE49-F238E27FC236}">
                <a16:creationId xmlns:a16="http://schemas.microsoft.com/office/drawing/2014/main" xmlns="" id="{609422D0-A5AB-4E98-85B8-EABCD42AF307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207232" y="1819131"/>
            <a:ext cx="2777490" cy="2380298"/>
          </a:xfrm>
          <a:prstGeom prst="rect">
            <a:avLst/>
          </a:prstGeom>
        </p:spPr>
      </p:pic>
      <p:sp>
        <p:nvSpPr>
          <p:cNvPr id="17" name="Content Placeholder 5">
            <a:extLst>
              <a:ext uri="{FF2B5EF4-FFF2-40B4-BE49-F238E27FC236}">
                <a16:creationId xmlns:a16="http://schemas.microsoft.com/office/drawing/2014/main" xmlns="" id="{44C18497-4FB3-4CC8-B02A-4F4C65A2540B}"/>
              </a:ext>
            </a:extLst>
          </p:cNvPr>
          <p:cNvSpPr txBox="1">
            <a:spLocks/>
          </p:cNvSpPr>
          <p:nvPr/>
        </p:nvSpPr>
        <p:spPr bwMode="auto">
          <a:xfrm>
            <a:off x="728662" y="4390456"/>
            <a:ext cx="10860826" cy="60286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252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marL="6480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6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2pPr>
            <a:lvl3pPr marL="979200" indent="-25200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Verdana" pitchFamily="34" charset="0"/>
              <a:buChar char="•"/>
              <a:defRPr sz="14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3pPr>
            <a:lvl4pPr marL="0" indent="0" algn="l" defTabSz="457189" rtl="0" eaLnBrk="1" fontAlgn="base" hangingPunct="1">
              <a:lnSpc>
                <a:spcPct val="10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kern="1200" spc="-5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4pPr>
            <a:lvl5pPr marL="0" indent="0" algn="l" defTabSz="457189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4800" b="1" kern="1200" cap="all" spc="-100" baseline="0">
                <a:solidFill>
                  <a:schemeClr val="tx1"/>
                </a:solidFill>
                <a:latin typeface="Verdana"/>
                <a:ea typeface="Verdana" pitchFamily="34" charset="0"/>
                <a:cs typeface="+mn-cs"/>
              </a:defRPr>
            </a:lvl5pPr>
            <a:lvl6pPr marL="0" indent="0" algn="l" defTabSz="457189" rtl="0" eaLnBrk="1" latinLnBrk="0" hangingPunct="1">
              <a:spcBef>
                <a:spcPts val="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​"/>
              <a:defRPr sz="1800" b="1" kern="1200" cap="all" spc="-5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6pPr>
            <a:lvl7pPr marL="0" indent="0" algn="l" defTabSz="457189" rtl="0" eaLnBrk="1" latinLnBrk="0" hangingPunct="1">
              <a:spcBef>
                <a:spcPts val="0"/>
              </a:spcBef>
              <a:spcAft>
                <a:spcPts val="1200"/>
              </a:spcAft>
              <a:buFont typeface="Arial" panose="020B0604020202020204" pitchFamily="34" charset="0"/>
              <a:buChar char="​"/>
              <a:defRPr sz="1800" i="0" kern="1200" spc="-50">
                <a:solidFill>
                  <a:schemeClr val="bg2"/>
                </a:solidFill>
                <a:latin typeface="+mn-lt"/>
                <a:ea typeface="+mn-ea"/>
                <a:cs typeface="+mn-cs"/>
              </a:defRPr>
            </a:lvl7pPr>
            <a:lvl8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rabi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52000" algn="l" defTabSz="457189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bg2"/>
              </a:buClr>
              <a:buFont typeface="+mj-lt"/>
              <a:buAutoNum type="alphaUcPeriod"/>
              <a:defRPr sz="1600" kern="1200" spc="-5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r>
              <a:rPr lang="en-GB" dirty="0"/>
              <a:t>Ozone tracer concentrations &gt; 90 ppb in  western US in the summer (June, July August)</a:t>
            </a:r>
          </a:p>
          <a:p>
            <a:pPr>
              <a:spcAft>
                <a:spcPts val="600"/>
              </a:spcAft>
            </a:pPr>
            <a:r>
              <a:rPr lang="en-GB" dirty="0"/>
              <a:t>Sulfate concentrations are ~ 4 </a:t>
            </a:r>
            <a:r>
              <a:rPr lang="en-GB" dirty="0">
                <a:latin typeface="Symbol" panose="05050102010706020507" pitchFamily="18" charset="2"/>
              </a:rPr>
              <a:t>m</a:t>
            </a:r>
            <a:r>
              <a:rPr lang="en-GB" dirty="0"/>
              <a:t>g/m</a:t>
            </a:r>
            <a:r>
              <a:rPr lang="en-GB" baseline="30000" dirty="0"/>
              <a:t>3</a:t>
            </a:r>
            <a:r>
              <a:rPr lang="en-GB" dirty="0"/>
              <a:t> in Northern CA, WA in June and July</a:t>
            </a:r>
          </a:p>
          <a:p>
            <a:pPr>
              <a:spcAft>
                <a:spcPts val="600"/>
              </a:spcAft>
            </a:pPr>
            <a:r>
              <a:rPr lang="en-GB" dirty="0"/>
              <a:t>SO</a:t>
            </a:r>
            <a:r>
              <a:rPr lang="en-GB" baseline="-25000" dirty="0"/>
              <a:t>2</a:t>
            </a:r>
            <a:r>
              <a:rPr lang="en-GB" dirty="0"/>
              <a:t> concentrations are ~ 2 ppb in Idaho in June</a:t>
            </a:r>
          </a:p>
          <a:p>
            <a:pPr>
              <a:spcAft>
                <a:spcPts val="600"/>
              </a:spcAft>
            </a:pPr>
            <a:r>
              <a:rPr lang="en-GB" dirty="0"/>
              <a:t>Dust (CCRS/FCRS) concentrations ~ 9.4 </a:t>
            </a:r>
            <a:r>
              <a:rPr lang="en-GB" dirty="0">
                <a:latin typeface="Symbol" panose="05050102010706020507" pitchFamily="18" charset="2"/>
              </a:rPr>
              <a:t>m</a:t>
            </a:r>
            <a:r>
              <a:rPr lang="en-GB" dirty="0"/>
              <a:t>g/m</a:t>
            </a:r>
            <a:r>
              <a:rPr lang="en-GB" baseline="30000" dirty="0"/>
              <a:t>3</a:t>
            </a:r>
            <a:r>
              <a:rPr lang="en-GB" dirty="0"/>
              <a:t> in Central CA</a:t>
            </a:r>
          </a:p>
          <a:p>
            <a:pPr>
              <a:spcAft>
                <a:spcPts val="600"/>
              </a:spcAft>
            </a:pPr>
            <a:r>
              <a:rPr lang="en-GB" dirty="0"/>
              <a:t>No issues with sea salt concentrations since they are low (Na and Cl &lt; 1 </a:t>
            </a:r>
            <a:r>
              <a:rPr lang="en-GB" dirty="0">
                <a:latin typeface="Symbol" panose="05050102010706020507" pitchFamily="18" charset="2"/>
              </a:rPr>
              <a:t>m</a:t>
            </a:r>
            <a:r>
              <a:rPr lang="en-GB" dirty="0"/>
              <a:t>g/m</a:t>
            </a:r>
            <a:r>
              <a:rPr lang="en-GB" baseline="30000" dirty="0"/>
              <a:t>3</a:t>
            </a:r>
            <a:r>
              <a:rPr lang="en-GB" dirty="0"/>
              <a:t>).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E28B29BF-6DAE-4D38-9074-50767740E9F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3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032511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djustments to Boundary Concentrations</a:t>
            </a:r>
            <a:br>
              <a:rPr lang="en-GB" dirty="0"/>
            </a:br>
            <a:r>
              <a:rPr lang="en-GB" dirty="0"/>
              <a:t/>
            </a:r>
            <a:br>
              <a:rPr lang="en-GB" dirty="0"/>
            </a:br>
            <a:endParaRPr lang="en-GB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xmlns="" id="{B19D4FB5-595A-4815-A8F0-41BB043C87F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8662" y="876683"/>
            <a:ext cx="10860826" cy="602867"/>
          </a:xfrm>
        </p:spPr>
        <p:txBody>
          <a:bodyPr/>
          <a:lstStyle/>
          <a:p>
            <a:r>
              <a:rPr lang="en-GB" dirty="0"/>
              <a:t>The initial tracer concentrations were adjusted (capped to a maximum value) after:</a:t>
            </a:r>
          </a:p>
          <a:p>
            <a:pPr marL="630238" indent="-6350">
              <a:buNone/>
            </a:pPr>
            <a:r>
              <a:rPr lang="en-GB" dirty="0"/>
              <a:t>	1) Comparing tracer concentrations to observed values from IMPROVE sites (SO4, dust)</a:t>
            </a:r>
          </a:p>
          <a:p>
            <a:pPr marL="971550" indent="-341313">
              <a:buNone/>
            </a:pPr>
            <a:r>
              <a:rPr lang="en-GB" dirty="0"/>
              <a:t>2) Looking at the maximum values of these tracers from each of the boundaries (SO4, SO2, O3)</a:t>
            </a:r>
          </a:p>
          <a:p>
            <a:pPr marL="971550" indent="-347663">
              <a:buNone/>
            </a:pPr>
            <a:r>
              <a:rPr lang="en-GB" dirty="0"/>
              <a:t>3) Cap values we have used in previous projects (O3)</a:t>
            </a:r>
          </a:p>
        </p:txBody>
      </p:sp>
      <p:graphicFrame>
        <p:nvGraphicFramePr>
          <p:cNvPr id="10" name="Content Placeholder 4">
            <a:extLst>
              <a:ext uri="{FF2B5EF4-FFF2-40B4-BE49-F238E27FC236}">
                <a16:creationId xmlns:a16="http://schemas.microsoft.com/office/drawing/2014/main" xmlns="" id="{53D93C61-EA41-4152-845A-B749CCC482F6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113985069"/>
              </p:ext>
            </p:extLst>
          </p:nvPr>
        </p:nvGraphicFramePr>
        <p:xfrm>
          <a:off x="2678538" y="2906381"/>
          <a:ext cx="6545041" cy="26670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384707">
                  <a:extLst>
                    <a:ext uri="{9D8B030D-6E8A-4147-A177-3AD203B41FA5}">
                      <a16:colId xmlns:a16="http://schemas.microsoft.com/office/drawing/2014/main" xmlns="" val="2105559772"/>
                    </a:ext>
                  </a:extLst>
                </a:gridCol>
                <a:gridCol w="5160334">
                  <a:extLst>
                    <a:ext uri="{9D8B030D-6E8A-4147-A177-3AD203B41FA5}">
                      <a16:colId xmlns:a16="http://schemas.microsoft.com/office/drawing/2014/main" xmlns="" val="3339454397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Specie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Adjustme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9117054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O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Cap values to &lt;= 0.1 pp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404645004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CC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/>
                        <a:t>No adjustme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298345447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FC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/>
                        <a:t>No adjustme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327461017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PSO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/>
                        <a:t>Cap values to &lt;= 2  </a:t>
                      </a:r>
                      <a:r>
                        <a:rPr lang="en-GB" dirty="0">
                          <a:latin typeface="Symbol" panose="05050102010706020507" pitchFamily="18" charset="2"/>
                        </a:rPr>
                        <a:t>m</a:t>
                      </a:r>
                      <a:r>
                        <a:rPr lang="en-GB" dirty="0"/>
                        <a:t>g/m</a:t>
                      </a:r>
                      <a:r>
                        <a:rPr lang="en-GB" baseline="30000" dirty="0"/>
                        <a:t>3</a:t>
                      </a:r>
                      <a:endParaRPr lang="en-GB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21445944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SO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457189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dirty="0"/>
                        <a:t>Cap values to &lt;= 0.006 pp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66207835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GB" dirty="0"/>
                        <a:t>NA, C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GB" dirty="0"/>
                        <a:t>No adjustme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137002454"/>
                  </a:ext>
                </a:extLst>
              </a:tr>
            </a:tbl>
          </a:graphicData>
        </a:graphic>
      </p:graphicFrame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64DBDB89-7470-4F11-ADEB-61EBB8C2BA5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5724461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ert tracer simulation with Adjusted BCON</a:t>
            </a:r>
            <a:br>
              <a:rPr lang="en-GB" dirty="0"/>
            </a:br>
            <a:r>
              <a:rPr lang="en-GB" dirty="0"/>
              <a:t/>
            </a:r>
            <a:br>
              <a:rPr lang="en-GB" dirty="0"/>
            </a:br>
            <a:endParaRPr lang="en-GB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xmlns="" id="{48D4B3B9-4FFC-4B5F-9C18-D5557184DB1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013437"/>
            <a:ext cx="10588625" cy="4063354"/>
          </a:xfrm>
        </p:spPr>
        <p:txBody>
          <a:bodyPr/>
          <a:lstStyle/>
          <a:p>
            <a:r>
              <a:rPr lang="en-GB" dirty="0"/>
              <a:t>Sulfate adjustments correct high concentrations in CA and WA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8ED312E5-2B05-43DD-BBCD-C7F9CE105E6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00761" y="1585583"/>
            <a:ext cx="10184130" cy="4369118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D7E61788-BA4C-40FF-9808-087FA93D89C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5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5275853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ert tracer simulation with Adjusted BCON</a:t>
            </a:r>
            <a:br>
              <a:rPr lang="en-GB" dirty="0"/>
            </a:br>
            <a:r>
              <a:rPr lang="en-GB" dirty="0"/>
              <a:t/>
            </a:r>
            <a:br>
              <a:rPr lang="en-GB" dirty="0"/>
            </a:br>
            <a:endParaRPr lang="en-GB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xmlns="" id="{48D4B3B9-4FFC-4B5F-9C18-D5557184DB1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013437"/>
            <a:ext cx="10588625" cy="4063354"/>
          </a:xfrm>
        </p:spPr>
        <p:txBody>
          <a:bodyPr/>
          <a:lstStyle/>
          <a:p>
            <a:r>
              <a:rPr lang="en-GB" dirty="0"/>
              <a:t>SO2 adjustments do not significantly change original inert tracer concentration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xmlns="" id="{0E95DF99-DE02-44BD-8CCE-F2AFE9BB43D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00761" y="1762237"/>
            <a:ext cx="10184130" cy="4358640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85BA3E43-1090-49B9-8911-B69999A0CA57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6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2164165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ert tracer simulation with Adjusted BCON</a:t>
            </a:r>
            <a:br>
              <a:rPr lang="en-GB" dirty="0"/>
            </a:br>
            <a:r>
              <a:rPr lang="en-GB" dirty="0"/>
              <a:t/>
            </a:r>
            <a:br>
              <a:rPr lang="en-GB" dirty="0"/>
            </a:br>
            <a:endParaRPr lang="en-GB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xmlns="" id="{48D4B3B9-4FFC-4B5F-9C18-D5557184DB1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013437"/>
            <a:ext cx="10588625" cy="4063354"/>
          </a:xfrm>
        </p:spPr>
        <p:txBody>
          <a:bodyPr/>
          <a:lstStyle/>
          <a:p>
            <a:r>
              <a:rPr lang="en-GB" dirty="0"/>
              <a:t>Ozone concentrations remain high in western US even with cap values of &lt;= .1 ppm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xmlns="" id="{8AD74E37-20AB-4E62-803B-EE07745B97E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10343" y="1762237"/>
            <a:ext cx="9277350" cy="3962400"/>
          </a:xfrm>
          <a:prstGeom prst="rect">
            <a:avLst/>
          </a:prstGeom>
        </p:spPr>
      </p:pic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xmlns="" id="{1410EA5E-51D4-4D35-9701-8D9A3271B5F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7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7541712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nert O3 tracer simulation with Adjusted BCON</a:t>
            </a:r>
            <a:br>
              <a:rPr lang="en-GB" dirty="0"/>
            </a:br>
            <a:r>
              <a:rPr lang="en-GB" dirty="0"/>
              <a:t/>
            </a:r>
            <a:br>
              <a:rPr lang="en-GB" dirty="0"/>
            </a:br>
            <a:endParaRPr lang="en-GB" dirty="0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xmlns="" id="{48D4B3B9-4FFC-4B5F-9C18-D5557184DB1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3" y="828000"/>
            <a:ext cx="10588625" cy="4063354"/>
          </a:xfrm>
        </p:spPr>
        <p:txBody>
          <a:bodyPr/>
          <a:lstStyle/>
          <a:p>
            <a:r>
              <a:rPr lang="en-GB" dirty="0"/>
              <a:t>Inert tracer compared to CASTNET observations at Gothic, CO consistently overpredicts values</a:t>
            </a:r>
          </a:p>
          <a:p>
            <a:r>
              <a:rPr lang="en-GB" dirty="0"/>
              <a:t>Effect of the cap values is negligible at </a:t>
            </a:r>
            <a:r>
              <a:rPr lang="en-GB"/>
              <a:t>this site</a:t>
            </a:r>
          </a:p>
          <a:p>
            <a:endParaRPr lang="en-GB" dirty="0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xmlns="" id="{7D9B1AE5-A31D-4A75-9CF3-3DE6CAEC874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612926" y="1688678"/>
            <a:ext cx="6959797" cy="5043048"/>
          </a:xfrm>
          <a:prstGeom prst="rect">
            <a:avLst/>
          </a:prstGeo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FCE79F70-03DD-41A5-99C8-0F91C86A75D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476777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C5FF6324-3A9A-4C95-8974-213DAF7C6E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xt Steps on BC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85AAF010-85A4-496A-8535-7582D9D6577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Proceed with Task 6a Sensitivity and Task 6b Final 2014 Shake-Out CAMx and CMAQ 36/12-km runs using latest capped 2014 GEOS-Chem BC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Ozone ≤ 0.100 ppm; SO4 ≤ 2.0 µg/m</a:t>
            </a:r>
            <a:r>
              <a:rPr lang="en-US" baseline="30000" dirty="0"/>
              <a:t>3</a:t>
            </a:r>
            <a:r>
              <a:rPr lang="en-US" dirty="0"/>
              <a:t>; SO2 ≤ 0.006 ppm</a:t>
            </a:r>
          </a:p>
          <a:p>
            <a:r>
              <a:rPr lang="en-US" dirty="0"/>
              <a:t>In inert BC simulations ozone still much higher than observed (e.g., &gt; 70 ppb) at high elevation sites in summer (e.g., Gothic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Higher photochemical activity in summer may “chew up” and reduce BC ozone influence in full chemistry simulations alleviating the ozone overestimation from the inert BC runs</a:t>
            </a:r>
          </a:p>
          <a:p>
            <a:r>
              <a:rPr lang="en-US" dirty="0"/>
              <a:t>If full chemistry runs don’t alleviate summer ozone overestimation at high terrain sites, may need to conduct a July no layer collapsing sensitivity tes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’t do before annual 2014 36/12-km annual CAMx and CMAQ Shake-Out runs</a:t>
            </a:r>
          </a:p>
          <a:p>
            <a:pPr marL="396000" lvl="1" indent="0">
              <a:buNone/>
            </a:pPr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1525AB78-F910-46B8-AABA-5BC63921EE5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2022324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 MIK adjustments.potx" id="{8AF8F9E4-DE39-4C2B-85B6-4A5686C9C8EC}" vid="{89A0920C-1F3F-4FDF-B731-81363685CBD0}"/>
    </a:ext>
  </a:extLst>
</a:theme>
</file>

<file path=ppt/theme/theme2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104</TotalTime>
  <Words>529</Words>
  <Application>Microsoft Office PowerPoint</Application>
  <PresentationFormat>Custom</PresentationFormat>
  <Paragraphs>69</Paragraphs>
  <Slides>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4" baseType="lpstr">
      <vt:lpstr>Arial</vt:lpstr>
      <vt:lpstr>Courier New</vt:lpstr>
      <vt:lpstr>Symbol</vt:lpstr>
      <vt:lpstr>Verdana</vt:lpstr>
      <vt:lpstr>Blank</vt:lpstr>
      <vt:lpstr>PGM Boundary conditions</vt:lpstr>
      <vt:lpstr>INITIAL extraction of GEOS-Chem concentrations</vt:lpstr>
      <vt:lpstr>Initial Inert Tracer simulation results</vt:lpstr>
      <vt:lpstr>Adjustments to Boundary Concentrations  </vt:lpstr>
      <vt:lpstr>inert tracer simulation with Adjusted BCON  </vt:lpstr>
      <vt:lpstr>inert tracer simulation with Adjusted BCON  </vt:lpstr>
      <vt:lpstr>inert tracer simulation with Adjusted BCON  </vt:lpstr>
      <vt:lpstr>inert O3 tracer simulation with Adjusted BCON  </vt:lpstr>
      <vt:lpstr>Next Steps on BCs</vt:lpstr>
    </vt:vector>
  </TitlesOfParts>
  <Company>Ramboll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amboll</dc:creator>
  <cp:lastModifiedBy>Ames Roger</cp:lastModifiedBy>
  <cp:revision>53</cp:revision>
  <dcterms:created xsi:type="dcterms:W3CDTF">2017-10-17T11:00:12Z</dcterms:created>
  <dcterms:modified xsi:type="dcterms:W3CDTF">2019-01-31T22:18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ramboll</vt:lpwstr>
  </property>
  <property fmtid="{D5CDD505-2E9C-101B-9397-08002B2CF9AE}" pid="5" name="TemplateId">
    <vt:lpwstr>636486672340117068</vt:lpwstr>
  </property>
  <property fmtid="{D5CDD505-2E9C-101B-9397-08002B2CF9AE}" pid="6" name="UserProfileId">
    <vt:lpwstr>636644163932117410</vt:lpwstr>
  </property>
</Properties>
</file>